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kerkrad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fische vormgeving&#10;&#10;Automatisch gegenereerde beschrijving">
            <a:extLst>
              <a:ext uri="{FF2B5EF4-FFF2-40B4-BE49-F238E27FC236}">
                <a16:creationId xmlns:a16="http://schemas.microsoft.com/office/drawing/2014/main" id="{3CAA417C-FBA8-84D8-62B2-0BC2A8A1EC7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7577" y="4560411"/>
            <a:ext cx="2406678"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fische vormgeving&#10;&#10;Automatisch gegenereerde beschrijving">
            <a:extLst>
              <a:ext uri="{FF2B5EF4-FFF2-40B4-BE49-F238E27FC236}">
                <a16:creationId xmlns:a16="http://schemas.microsoft.com/office/drawing/2014/main" id="{5A07C279-667F-1CF8-DB4A-5E1D6F6E1FF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4057" y="3712021"/>
            <a:ext cx="1828345" cy="159797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2-02T14:59:08Z</dcterms:modified>
</cp:coreProperties>
</file>